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0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7-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7-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noordbevelan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CBA897B4-83C4-CC91-FD7D-EDB530341AF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65572" y="4876800"/>
            <a:ext cx="1483682" cy="179228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E643C61F-F843-D743-49D2-5E1C946D08E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093695" y="3921591"/>
            <a:ext cx="1228625" cy="148417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6</cp:revision>
  <dcterms:created xsi:type="dcterms:W3CDTF">2019-07-30T10:24:44Z</dcterms:created>
  <dcterms:modified xsi:type="dcterms:W3CDTF">2024-11-07T12:41:15Z</dcterms:modified>
</cp:coreProperties>
</file>